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85BB5" w:rsidRDefault="00185BB5"/>
    <w:p w:rsidR="007D31DB" w:rsidRPr="007D31DB" w:rsidRDefault="007D31DB" w:rsidP="007D31DB">
      <w:pPr>
        <w:shd w:val="clear" w:color="auto" w:fill="FCF8E4"/>
        <w:spacing w:after="0" w:line="240" w:lineRule="auto"/>
        <w:textAlignment w:val="top"/>
        <w:rPr>
          <w:rFonts w:ascii="Tahoma" w:eastAsia="Times New Roman" w:hAnsi="Tahoma" w:cs="Tahoma"/>
          <w:b/>
          <w:bCs/>
          <w:color w:val="000000"/>
          <w:sz w:val="17"/>
          <w:szCs w:val="17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Лекция 6: </w:t>
      </w:r>
    </w:p>
    <w:p w:rsidR="007D31DB" w:rsidRPr="007D31DB" w:rsidRDefault="007D31DB" w:rsidP="007D31DB">
      <w:pPr>
        <w:shd w:val="clear" w:color="auto" w:fill="FCF8E4"/>
        <w:spacing w:after="0" w:line="240" w:lineRule="auto"/>
        <w:textAlignment w:val="top"/>
        <w:outlineLvl w:val="0"/>
        <w:rPr>
          <w:rFonts w:ascii="Times New Roman" w:eastAsia="Times New Roman" w:hAnsi="Times New Roman" w:cs="Times New Roman"/>
          <w:b/>
          <w:bCs/>
          <w:kern w:val="36"/>
          <w:sz w:val="48"/>
          <w:szCs w:val="4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kern w:val="36"/>
          <w:sz w:val="48"/>
          <w:szCs w:val="48"/>
          <w:lang w:eastAsia="ru-RU"/>
        </w:rPr>
        <w:t>Процессы и потоки</w:t>
      </w:r>
    </w:p>
    <w:p w:rsidR="007D31DB" w:rsidRPr="007D31DB" w:rsidRDefault="007D31DB" w:rsidP="007D31DB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0" w:name="sect1"/>
      <w:bookmarkEnd w:id="0"/>
      <w:r w:rsidRPr="007D31DB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Основные понятия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1" w:name="keyword1"/>
      <w:bookmarkEnd w:id="1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грамм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rogram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это последовательность команд, реализующая </w:t>
      </w:r>
      <w:bookmarkStart w:id="2" w:name="keyword2"/>
      <w:bookmarkEnd w:id="2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алгоритм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решения задачи. </w:t>
      </w:r>
      <w:bookmarkStart w:id="3" w:name="keyword3"/>
      <w:bookmarkEnd w:id="3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грамм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может быть записана на языке программирования (например, на </w:t>
      </w:r>
      <w:bookmarkStart w:id="4" w:name="keyword4"/>
      <w:bookmarkEnd w:id="4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Pasca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++, BASIC); в этом случае она хранится на диске в виде текстового файла с расширением, соответствующим языку программирования (например</w:t>
      </w:r>
      <w:proofErr w:type="gram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.PAS</w:t>
      </w:r>
      <w:proofErr w:type="gram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.</w:t>
      </w:r>
      <w:bookmarkStart w:id="5" w:name="keyword5"/>
      <w:bookmarkEnd w:id="5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CPP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.VB). Также </w:t>
      </w:r>
      <w:bookmarkStart w:id="6" w:name="keyword6"/>
      <w:bookmarkEnd w:id="6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грамм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может быть представлена при помощи машинных команд; тогда она хранится на диске в виде двоичного исполняемого файла (</w:t>
      </w:r>
      <w:bookmarkStart w:id="7" w:name="keyword7"/>
      <w:bookmarkEnd w:id="7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executable</w:t>
      </w:r>
      <w:proofErr w:type="spellEnd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fil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чаще всего с расширением .EXE. Исполняемый </w:t>
      </w:r>
      <w:bookmarkStart w:id="8" w:name="keyword8"/>
      <w:bookmarkEnd w:id="8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генерируется из текста программы при компиляции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оцесс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это </w:t>
      </w:r>
      <w:bookmarkStart w:id="9" w:name="keyword9"/>
      <w:bookmarkEnd w:id="9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грамм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пользовательская или системная) в ходе выполнения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современных операционных системах процесс представляет собой </w:t>
      </w:r>
      <w:bookmarkStart w:id="10" w:name="keyword10"/>
      <w:bookmarkEnd w:id="10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бъект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структуру данных, содержащую информацию, необходимую для выполнения программы. </w:t>
      </w:r>
      <w:bookmarkStart w:id="11" w:name="keyword11"/>
      <w:bookmarkEnd w:id="11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бъект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"Процесс" создается в момент запуска программы (например, </w:t>
      </w:r>
      <w:bookmarkStart w:id="12" w:name="keyword12"/>
      <w:bookmarkEnd w:id="12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льзователь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дважды щелкает мышью на исполняемом файле) и уничтожается при завершении программы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Если </w:t>
      </w:r>
      <w:bookmarkStart w:id="13" w:name="keyword13"/>
      <w:bookmarkEnd w:id="13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перационная систем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умеет запускать в одно и то же время несколько процессов, она называется многозадачной (</w:t>
      </w:r>
      <w:bookmarkStart w:id="14" w:name="keyword14"/>
      <w:bookmarkEnd w:id="14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multitasking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(пример – </w:t>
      </w:r>
      <w:bookmarkStart w:id="15" w:name="keyword15"/>
      <w:bookmarkEnd w:id="15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иначе – однозадачной (пример – MS </w:t>
      </w:r>
      <w:bookmarkStart w:id="16" w:name="keyword16"/>
      <w:bookmarkEnd w:id="16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DO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оцесс может содержать один или несколько потоков (</w:t>
      </w:r>
      <w:bookmarkStart w:id="17" w:name="keyword17"/>
      <w:bookmarkEnd w:id="17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объектов, которым </w:t>
      </w:r>
      <w:bookmarkStart w:id="18" w:name="keyword18"/>
      <w:bookmarkEnd w:id="18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перационная систем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едоставляет </w:t>
      </w:r>
      <w:bookmarkStart w:id="19" w:name="keyword19"/>
      <w:bookmarkEnd w:id="19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цессорное время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 Сам по себе процесс не выполняется – выполняются его потоки. Таким образом, машинные команды, записанные в исполняемом файле, выполняются на процессоре в составе потока. Если потоков несколько, они могут выполняться одновременно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мечание. "Одновременное" (или "параллельное") выполнение потоков подразумевает одну из двух принципиально разных ситуаций, зависящих от количества процессоров (ядер) на компьютере. В том случае, если имеется всего один </w:t>
      </w:r>
      <w:bookmarkStart w:id="20" w:name="keyword20"/>
      <w:bookmarkEnd w:id="20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цессор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 одним ядром, в один момент времени может выполняться только один </w:t>
      </w:r>
      <w:bookmarkStart w:id="21" w:name="keyword21"/>
      <w:bookmarkEnd w:id="21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то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 Однако </w:t>
      </w:r>
      <w:bookmarkStart w:id="22" w:name="keyword22"/>
      <w:bookmarkEnd w:id="22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перационная систем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может быстро переключать </w:t>
      </w:r>
      <w:bookmarkStart w:id="23" w:name="keyword23"/>
      <w:bookmarkEnd w:id="23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цессор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 выполнения одного потока на другой и вследствие высокой частоты процессоров у пользователя возникает иллюзия одновременной работы нескольких программ. Такая ситуация называется псевдопараллельное выполнение потоков. Если в компьютере установлен многоядерный </w:t>
      </w:r>
      <w:bookmarkStart w:id="24" w:name="keyword24"/>
      <w:bookmarkEnd w:id="24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цессор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ли количество процессоров больше одного, то возможно истинно параллельное или просто параллельное выполнение потоков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Операционные системы, поддерживающие несколько процессоров, называются многопроцессорными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Если система допускает наличие нескольких потоков в одном процессе, она называется многопоточной (</w:t>
      </w:r>
      <w:bookmarkStart w:id="25" w:name="keyword25"/>
      <w:bookmarkEnd w:id="25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multithreading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Многопоточность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– это средство распараллеливания действий внутри процесса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имеры.</w:t>
      </w:r>
    </w:p>
    <w:p w:rsidR="007D31DB" w:rsidRPr="007D31DB" w:rsidRDefault="007D31DB" w:rsidP="007D31DB">
      <w:pPr>
        <w:numPr>
          <w:ilvl w:val="0"/>
          <w:numId w:val="1"/>
        </w:numPr>
        <w:shd w:val="clear" w:color="auto" w:fill="FFFFFF"/>
        <w:spacing w:before="36" w:after="36" w:line="240" w:lineRule="atLeast"/>
        <w:ind w:left="48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современных браузерах каждой вкладке соответствует свой поток.</w:t>
      </w:r>
    </w:p>
    <w:p w:rsidR="007D31DB" w:rsidRPr="007D31DB" w:rsidRDefault="007D31DB" w:rsidP="007D31DB">
      <w:pPr>
        <w:numPr>
          <w:ilvl w:val="0"/>
          <w:numId w:val="1"/>
        </w:numPr>
        <w:shd w:val="clear" w:color="auto" w:fill="FFFFFF"/>
        <w:spacing w:before="36" w:after="36" w:line="240" w:lineRule="atLeast"/>
        <w:ind w:left="48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текстовом редакторе один поток может управлять вводом текста, второй – проверять орфографию, третий – выводить документ на принтер.</w:t>
      </w:r>
    </w:p>
    <w:p w:rsidR="007D31DB" w:rsidRPr="007D31DB" w:rsidRDefault="007D31DB" w:rsidP="007D31DB">
      <w:pPr>
        <w:numPr>
          <w:ilvl w:val="0"/>
          <w:numId w:val="1"/>
        </w:numPr>
        <w:shd w:val="clear" w:color="auto" w:fill="FFFFFF"/>
        <w:spacing w:before="36" w:after="36" w:line="240" w:lineRule="atLeast"/>
        <w:ind w:left="48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компьютерной игре-стратегии за обработку действий каждого игрока отвечает отдельный поток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аждый процесс имеет свое собственное </w:t>
      </w:r>
      <w:bookmarkStart w:id="26" w:name="keyword26"/>
      <w:bookmarkEnd w:id="26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иртуальное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27" w:name="keyword27"/>
      <w:bookmarkEnd w:id="27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адресное пространство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м. лекцию 11 "</w:t>
      </w:r>
      <w:bookmarkStart w:id="28" w:name="keyword28"/>
      <w:bookmarkEnd w:id="28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Управление памятью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"), в котором независимо друг от друга работают все потоки процесса. Например, </w:t>
      </w:r>
      <w:bookmarkStart w:id="29" w:name="keyword29"/>
      <w:bookmarkEnd w:id="29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то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1 может записывать данные в ячейку с адресом 100, а </w:t>
      </w:r>
      <w:bookmarkStart w:id="30" w:name="keyword30"/>
      <w:bookmarkEnd w:id="30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то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2 читать данные из ячейки с адресом 101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lastRenderedPageBreak/>
        <w:t>Замечание. Конечно, если два (или более) потоков захотят записать что-то свое в одну и ту же ячейку, возникнет неопределенность – кто раньше? Это одна из подзадач обширной проблемы синхронизации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аждый </w:t>
      </w:r>
      <w:bookmarkStart w:id="31" w:name="keyword31"/>
      <w:bookmarkEnd w:id="31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то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меет свою область памяти – </w:t>
      </w:r>
      <w:bookmarkStart w:id="32" w:name="keyword32"/>
      <w:bookmarkEnd w:id="32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сте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stack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в которой хранятся, например, локальные переменные и параметры, передаваемые в функции. Кроме того, во </w:t>
      </w:r>
      <w:bookmarkStart w:id="33" w:name="keyword33"/>
      <w:bookmarkEnd w:id="33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ремя выполнения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тока изменяются значения регистров процессора, которые при переключении на другой </w:t>
      </w:r>
      <w:bookmarkStart w:id="34" w:name="keyword34"/>
      <w:bookmarkEnd w:id="34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то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должны быть сохранены. Эта </w:t>
      </w:r>
      <w:bookmarkStart w:id="35" w:name="keyword35"/>
      <w:bookmarkEnd w:id="35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информация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является частью контекста потока, поэтому при переключении потоков происходит переключение их контекстов (сохранение в </w:t>
      </w:r>
      <w:bookmarkStart w:id="36" w:name="keyword36"/>
      <w:bookmarkEnd w:id="36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амять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одного и </w:t>
      </w:r>
      <w:bookmarkStart w:id="37" w:name="keyword37"/>
      <w:bookmarkEnd w:id="37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загрузк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другого).</w:t>
      </w:r>
    </w:p>
    <w:p w:rsidR="007D31DB" w:rsidRPr="007D31DB" w:rsidRDefault="007D31DB" w:rsidP="007D31DB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38" w:name="sect2"/>
      <w:bookmarkEnd w:id="38"/>
      <w:r w:rsidRPr="007D31DB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Структуры данных для процессов и потоков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WRK за </w:t>
      </w:r>
      <w:bookmarkStart w:id="39" w:name="keyword38"/>
      <w:bookmarkEnd w:id="39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управление процессами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отвечает </w:t>
      </w:r>
      <w:bookmarkStart w:id="40" w:name="keyword39"/>
      <w:bookmarkEnd w:id="40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диспетчер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оцессов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), а многие важные структуры данных описаны в заголовочных файлах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s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оцесс в </w:t>
      </w:r>
      <w:bookmarkStart w:id="41" w:name="keyword40"/>
      <w:bookmarkEnd w:id="41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описывается структурой данных EPROCESS [</w:t>
      </w:r>
      <w:hyperlink r:id="rId7" w:anchor="literature.5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5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]. Эта структура в WRK содержится в файл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s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строка 238). Рассмотрим некоторые её поля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cb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Contro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lock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– блок управления процессом) – представляет собой структуру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хранящую данные, необходимые для планирования потоков, в том числе указатель на список потоков процесса 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944)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reateTim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xitTim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время создания и завершения процесса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UniqueProcessI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уникальный идентификатор процесса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ActiveProcessLink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элемент двунаправленного списка (тип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LIST_ENTRY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содержащего активные процессы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QuotaUsag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QuotaPeak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ommitCharg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квоты (ограничения) на используемую память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ObjectTabl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таблица дескрипторов процесса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Token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маркер доступа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ImageFileNam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имя исполняемого файла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ThreadListH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двунаправленный список потоков процесса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eb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Environment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lock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– блок переменных окружения процесса) – информация об образе исполняемого файла 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ubli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sdk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ebteb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75).</w:t>
      </w:r>
    </w:p>
    <w:p w:rsidR="007D31DB" w:rsidRPr="007D31DB" w:rsidRDefault="007D31DB" w:rsidP="007D31DB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riorityCla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класс приоритета процесса (см. лекцию 9 "Планирование потоков"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труктура для потока в </w:t>
      </w:r>
      <w:bookmarkStart w:id="42" w:name="keyword41"/>
      <w:bookmarkEnd w:id="42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называется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THREA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и описывается в файл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s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строка 545). Её основные поля следующие:</w:t>
      </w:r>
    </w:p>
    <w:p w:rsidR="007D31DB" w:rsidRPr="007D31DB" w:rsidRDefault="007D31DB" w:rsidP="007D31DB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Tcb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Contro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lock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– блок управления потоком) – поле, которое является структурой типа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THREA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069) и необходимо для планирования потоков.</w:t>
      </w:r>
    </w:p>
    <w:p w:rsidR="007D31DB" w:rsidRPr="007D31DB" w:rsidRDefault="007D31DB" w:rsidP="007D31DB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reateTim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xitTim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время создания и завершения потока.</w:t>
      </w:r>
    </w:p>
    <w:p w:rsidR="007D31DB" w:rsidRPr="007D31DB" w:rsidRDefault="007D31DB" w:rsidP="007D31DB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i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структура типа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LIENT_I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включающая два поля – идентификатор процесса-владельца данного потока и идентификатор самого потока.</w:t>
      </w:r>
    </w:p>
    <w:p w:rsidR="007D31DB" w:rsidRPr="007D31DB" w:rsidRDefault="007D31DB" w:rsidP="007D31DB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Threads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указатель на структуру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оцесса-владельца.</w:t>
      </w:r>
    </w:p>
    <w:p w:rsidR="007D31DB" w:rsidRPr="007D31DB" w:rsidRDefault="007D31DB" w:rsidP="007D31DB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StartAddr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адрес системной стартовой функции потока. При создании потока сначала вызывается системная стартовая функция, которая запускает пользовательскую стартовую функцию.</w:t>
      </w:r>
    </w:p>
    <w:p w:rsidR="007D31DB" w:rsidRPr="007D31DB" w:rsidRDefault="007D31DB" w:rsidP="007D31DB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Win32StartAddr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адрес пользовательской стартовой функции.</w:t>
      </w:r>
    </w:p>
    <w:p w:rsidR="007D31DB" w:rsidRPr="007D31DB" w:rsidRDefault="007D31DB" w:rsidP="007D31DB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43" w:name="sect3"/>
      <w:bookmarkEnd w:id="43"/>
      <w:r w:rsidRPr="007D31DB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Создание процесса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оцессы создаются либо пользователем, либо другим процессом, либо автоматически при загрузке операционной системы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оцесс, создавший другой процесс, называется родителем, а созданный процесс – потомком. Таким образом, формируется </w:t>
      </w:r>
      <w:bookmarkStart w:id="44" w:name="keyword42"/>
      <w:bookmarkEnd w:id="44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иерархия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оцессов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lastRenderedPageBreak/>
        <w:t>Любой процесс начинает свою работу с основного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ain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или первичного, потока, который может запускать (порождать) другие потоки – так образуется </w:t>
      </w:r>
      <w:bookmarkStart w:id="45" w:name="keyword43"/>
      <w:bookmarkEnd w:id="45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иерархия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токов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 </w:t>
      </w:r>
      <w:bookmarkStart w:id="46" w:name="keyword44"/>
      <w:bookmarkEnd w:id="46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для создания процессов применяется одна из следующих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API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-функций: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reateProcess</w:t>
      </w:r>
      <w:proofErr w:type="spellEnd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, 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reateProcessAsUser</w:t>
      </w:r>
      <w:proofErr w:type="spellEnd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, 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reateProcessWithTokenW</w:t>
      </w:r>
      <w:proofErr w:type="spellEnd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, 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reateProcessWithLogonW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[</w:t>
      </w:r>
      <w:hyperlink r:id="rId8" w:anchor="literature.10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10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]. Далее при описании будем использовать функцию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Create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оздание процессов в </w:t>
      </w:r>
      <w:bookmarkStart w:id="47" w:name="keyword45"/>
      <w:bookmarkEnd w:id="47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ключает 7 этапов [</w:t>
      </w:r>
      <w:hyperlink r:id="rId9" w:anchor="literature.5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5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; </w:t>
      </w:r>
      <w:hyperlink r:id="rId10" w:anchor="literature.2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2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]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1. Проверка и преобразование параметров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Параметры функци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Create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проверяются на </w:t>
      </w:r>
      <w:bookmarkStart w:id="48" w:name="keyword46"/>
      <w:bookmarkEnd w:id="48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корректность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 преобразуются к внутреннему формату системы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2. Открытие исполняемого файла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оисходит </w:t>
      </w:r>
      <w:bookmarkStart w:id="49" w:name="keyword47"/>
      <w:bookmarkEnd w:id="49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ис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файла, который содержит запускаемую программу. Обычно это </w:t>
      </w:r>
      <w:bookmarkStart w:id="50" w:name="keyword48"/>
      <w:bookmarkEnd w:id="50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 расширением .EXE, но могут быть также расширения .</w:t>
      </w:r>
      <w:bookmarkStart w:id="51" w:name="keyword49"/>
      <w:bookmarkEnd w:id="51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COM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.</w:t>
      </w:r>
      <w:bookmarkStart w:id="52" w:name="keyword50"/>
      <w:bookmarkEnd w:id="52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PIF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.BAT</w:t>
      </w:r>
      <w:proofErr w:type="gram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.</w:t>
      </w:r>
      <w:bookmarkStart w:id="53" w:name="keyword51"/>
      <w:bookmarkEnd w:id="53"/>
      <w:proofErr w:type="gramEnd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CM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 Определяется тип исполняемого файла:</w:t>
      </w:r>
    </w:p>
    <w:p w:rsidR="007D31DB" w:rsidRPr="007D31DB" w:rsidRDefault="007D31DB" w:rsidP="007D31DB">
      <w:pPr>
        <w:numPr>
          <w:ilvl w:val="0"/>
          <w:numId w:val="4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приложение (.EXE) – продолжается нормальное создание процесса;</w:t>
      </w:r>
    </w:p>
    <w:p w:rsidR="007D31DB" w:rsidRPr="007D31DB" w:rsidRDefault="007D31DB" w:rsidP="007D31DB">
      <w:pPr>
        <w:numPr>
          <w:ilvl w:val="0"/>
          <w:numId w:val="4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иложение MS-DOS или Win16 (.EXE, .COM, .PIF) – запускается образ поддержки Ntvdm.exe;</w:t>
      </w:r>
    </w:p>
    <w:p w:rsidR="007D31DB" w:rsidRPr="007D31DB" w:rsidRDefault="007D31DB" w:rsidP="007D31DB">
      <w:pPr>
        <w:numPr>
          <w:ilvl w:val="0"/>
          <w:numId w:val="4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омандный файл (.BAT, .CMD) – запускается образ поддержки Cmd.exe;</w:t>
      </w:r>
    </w:p>
    <w:p w:rsidR="007D31DB" w:rsidRPr="007D31DB" w:rsidRDefault="007D31DB" w:rsidP="007D31DB">
      <w:pPr>
        <w:numPr>
          <w:ilvl w:val="0"/>
          <w:numId w:val="4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иложение POSIX – запускается образ поддержки Posix.exe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3. Создание объекта "Процесс"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ормируются структуры данных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, KPROCESS, PEB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инициализируется </w:t>
      </w:r>
      <w:bookmarkStart w:id="54" w:name="keyword52"/>
      <w:bookmarkEnd w:id="54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адресное пространство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оцесса. Для этого вызывается системная </w:t>
      </w:r>
      <w:bookmarkStart w:id="55" w:name="keyword53"/>
      <w:bookmarkEnd w:id="55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ункция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NtCreate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56" w:name="keyword54"/>
      <w:bookmarkEnd w:id="56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create.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826), которая затем вызывает функцию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NtCreateProcessEx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тот же </w:t>
      </w:r>
      <w:bookmarkStart w:id="57" w:name="keyword55"/>
      <w:bookmarkEnd w:id="57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884), а та, в свою </w:t>
      </w:r>
      <w:bookmarkStart w:id="58" w:name="keyword56"/>
      <w:bookmarkEnd w:id="58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чередь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функцию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spCreate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тот же </w:t>
      </w:r>
      <w:bookmarkStart w:id="59" w:name="keyword57"/>
      <w:bookmarkEnd w:id="59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016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мечание. Начиная с </w:t>
      </w:r>
      <w:bookmarkStart w:id="60" w:name="keyword58"/>
      <w:bookmarkEnd w:id="60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ista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и создании процесса вызов нескольких функций (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NtCreateProcess</w:t>
      </w:r>
      <w:proofErr w:type="spellEnd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, 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NtWriteVirtualMemory</w:t>
      </w:r>
      <w:proofErr w:type="spellEnd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, 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NtCreate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) заменен вызовом одной функци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CreateUser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Рассмотрим некоторые важные действия, выполняемые функцией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spCreate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Если в параметрах функци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spCreate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указан процесс-родитель:</w:t>
      </w:r>
    </w:p>
    <w:p w:rsidR="007D31DB" w:rsidRPr="007D31DB" w:rsidRDefault="007D31DB" w:rsidP="007D31DB">
      <w:pPr>
        <w:numPr>
          <w:ilvl w:val="1"/>
          <w:numId w:val="5"/>
        </w:numPr>
        <w:spacing w:before="36" w:after="36" w:line="240" w:lineRule="atLeast"/>
        <w:ind w:left="24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о его дескриптору определяется указатель на объект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функци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ObReferenceObjectByHandl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076);</w:t>
      </w:r>
    </w:p>
    <w:p w:rsidR="007D31DB" w:rsidRPr="007D31DB" w:rsidRDefault="007D31DB" w:rsidP="007D31DB">
      <w:pPr>
        <w:numPr>
          <w:ilvl w:val="1"/>
          <w:numId w:val="5"/>
        </w:numPr>
        <w:spacing w:before="36" w:after="36" w:line="240" w:lineRule="atLeast"/>
        <w:ind w:left="24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наследуется от процесса родителя маска привязки к процессорам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Affin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092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Устанавливается минимальный и максимальный размеры рабочего набора (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WorkingSetMinimum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= 20 МБ 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WorkingSetMaximum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= 45 МБ, строки 1093 и 1094, см. лекцию 11 "Управление памятью"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оздается объект "Процесс" (структура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при помощи функци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ObCreateObject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трока 1108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Инициализируется двунаправленный список потоков при помощи функци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itializeListH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строка 1134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опируется таблица дескрипторов родительского процесса (строка 1270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оздается структура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и помощи функци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eInitialize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трока 1289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Маркер доступа и другие данные, связанные с безопасностью (см. лекцию 13 "Безопасность", копируются из родительского процесса (функци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spInitializeProcessSecu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302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Устанавливается приоритет процесса, равный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Norma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; однако, если приоритет родительского процесса был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Idl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л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Below</w:t>
      </w:r>
      <w:proofErr w:type="spellEnd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Norma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то данный приоритет наследуется (строки 1307–1312, см. лекцию 9 "Планирование потоков"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Инициализируется адресное пространство процесса (строки 1337–1476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Генерируется уникальный идентификатор процесса (функци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xCreateHandl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и сохраняется в поле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UniqueProcessI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троки 1482–1488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lastRenderedPageBreak/>
        <w:t>Создается блок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EB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 записывается в соответствующее поле 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троки 1550–1607)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озданный объект вставляется в хвост двунаправленного списка всех процессов (строки 1613–1615) и в таблицу дескрипторов (строки 1639–1644). Первая вставка обеспечивает доступ к процессу по имени, вторая – по ID.</w:t>
      </w:r>
    </w:p>
    <w:p w:rsidR="007D31DB" w:rsidRPr="007D31DB" w:rsidRDefault="007D31DB" w:rsidP="007D31DB">
      <w:pPr>
        <w:numPr>
          <w:ilvl w:val="0"/>
          <w:numId w:val="5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Определяется время создания процесса (функци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eQuerySystemTim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и записывается в поле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reateTim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трока 1733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4. Создание основного потока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ормируется </w:t>
      </w:r>
      <w:bookmarkStart w:id="61" w:name="keyword59"/>
      <w:bookmarkEnd w:id="61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структура данных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THREA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 </w:t>
      </w:r>
      <w:bookmarkStart w:id="62" w:name="keyword60"/>
      <w:bookmarkEnd w:id="62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сте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 </w:t>
      </w:r>
      <w:bookmarkStart w:id="63" w:name="keyword61"/>
      <w:bookmarkEnd w:id="63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контекст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тока, генерируется </w:t>
      </w:r>
      <w:bookmarkStart w:id="64" w:name="keyword62"/>
      <w:bookmarkEnd w:id="64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идентификатор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тока. </w:t>
      </w:r>
      <w:bookmarkStart w:id="65" w:name="keyword63"/>
      <w:bookmarkEnd w:id="65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то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создается при помощи функци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Create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определенной в файл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create.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(строка 117), которая вызывает функцию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spCreate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тот же </w:t>
      </w:r>
      <w:bookmarkStart w:id="66" w:name="keyword64"/>
      <w:bookmarkEnd w:id="66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295). При этом выполняются следующие действия:</w:t>
      </w:r>
    </w:p>
    <w:p w:rsidR="007D31DB" w:rsidRPr="007D31DB" w:rsidRDefault="007D31DB" w:rsidP="007D31DB">
      <w:pPr>
        <w:numPr>
          <w:ilvl w:val="0"/>
          <w:numId w:val="6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оздается объект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THREA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трока 370).</w:t>
      </w:r>
    </w:p>
    <w:p w:rsidR="007D31DB" w:rsidRPr="007D31DB" w:rsidRDefault="007D31DB" w:rsidP="007D31DB">
      <w:pPr>
        <w:numPr>
          <w:ilvl w:val="0"/>
          <w:numId w:val="6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полняются поля 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THREA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вязанные с процессом-владельцем, – указатель на структуру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 (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ThreadsProcess</w:t>
      </w:r>
      <w:proofErr w:type="spellEnd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)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 идентификатор процесса (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id.Unique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(строки 396 и 398).</w:t>
      </w:r>
    </w:p>
    <w:p w:rsidR="007D31DB" w:rsidRPr="007D31DB" w:rsidRDefault="007D31DB" w:rsidP="007D31DB">
      <w:pPr>
        <w:numPr>
          <w:ilvl w:val="0"/>
          <w:numId w:val="6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Генерируется уникальный идентификатор потока (функци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xCreateHandl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и сохраняется в поле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id.Unique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троки 400–402).</w:t>
      </w:r>
    </w:p>
    <w:p w:rsidR="007D31DB" w:rsidRPr="007D31DB" w:rsidRDefault="007D31DB" w:rsidP="007D31DB">
      <w:pPr>
        <w:numPr>
          <w:ilvl w:val="0"/>
          <w:numId w:val="6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полняются стартовые адреса потока, системный (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StartAddr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и пользовательский (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Win32StartAddr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(строки 468-476).</w:t>
      </w:r>
    </w:p>
    <w:p w:rsidR="007D31DB" w:rsidRPr="007D31DB" w:rsidRDefault="007D31DB" w:rsidP="007D31DB">
      <w:pPr>
        <w:numPr>
          <w:ilvl w:val="0"/>
          <w:numId w:val="6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Инициализируются поля 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THREA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и помощи вызова функци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eInit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троки 490–498 для потока пользовательского режима и 514–522 для потока режима ядра).</w:t>
      </w:r>
    </w:p>
    <w:p w:rsidR="007D31DB" w:rsidRPr="007D31DB" w:rsidRDefault="007D31DB" w:rsidP="007D31DB">
      <w:pPr>
        <w:numPr>
          <w:ilvl w:val="0"/>
          <w:numId w:val="6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ункци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eStart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заполняет остальные поля 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THREA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 вставляет поток в список потоков процесса (строка 564).</w:t>
      </w:r>
    </w:p>
    <w:p w:rsidR="007D31DB" w:rsidRPr="007D31DB" w:rsidRDefault="007D31DB" w:rsidP="007D31DB">
      <w:pPr>
        <w:numPr>
          <w:ilvl w:val="0"/>
          <w:numId w:val="6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Если при вызове функци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spCreate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установлен флаг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reateSuspende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"Приостановлен") поток переводится в состояние ожидания (функци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eSuspend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660); иначе вызывается функци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eReady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трока 809), которая ставит поток в очередь готовых к выполнению потоков (см. лекцию 9 "Планирование потоков"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 xml:space="preserve">5. Уведомление подсистемы </w:t>
      </w:r>
      <w:proofErr w:type="spellStart"/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одсистеме </w:t>
      </w:r>
      <w:bookmarkStart w:id="67" w:name="keyword65"/>
      <w:bookmarkEnd w:id="67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отправляется сообщение о вновь созданных процессе и его основном потоке, в которое входят их дескрипторы, идентификаторы и другая </w:t>
      </w:r>
      <w:bookmarkStart w:id="68" w:name="keyword66"/>
      <w:bookmarkEnd w:id="68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информация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 Подсистема </w:t>
      </w:r>
      <w:bookmarkStart w:id="69" w:name="keyword67"/>
      <w:bookmarkEnd w:id="69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добавляет новый процесс в общий </w:t>
      </w:r>
      <w:bookmarkStart w:id="70" w:name="keyword68"/>
      <w:bookmarkEnd w:id="70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списо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сех процессов и готовится к запуску основного потока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6. Запуск основного потока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Основной </w:t>
      </w:r>
      <w:bookmarkStart w:id="71" w:name="keyword69"/>
      <w:bookmarkEnd w:id="71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то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тартует, но начинают выполняться системные функции, завершающие </w:t>
      </w:r>
      <w:bookmarkStart w:id="72" w:name="keyword70"/>
      <w:bookmarkEnd w:id="72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создание процесс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осуществляется его </w:t>
      </w:r>
      <w:bookmarkStart w:id="73" w:name="keyword71"/>
      <w:bookmarkEnd w:id="73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инициализация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7. Инициализация процесса.</w:t>
      </w:r>
    </w:p>
    <w:p w:rsidR="007D31DB" w:rsidRPr="007D31DB" w:rsidRDefault="007D31DB" w:rsidP="007D31DB">
      <w:pPr>
        <w:numPr>
          <w:ilvl w:val="0"/>
          <w:numId w:val="7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оверяется, не запущен ли процесс в отладочном режиме;</w:t>
      </w:r>
    </w:p>
    <w:p w:rsidR="007D31DB" w:rsidRPr="007D31DB" w:rsidRDefault="007D31DB" w:rsidP="007D31DB">
      <w:pPr>
        <w:numPr>
          <w:ilvl w:val="0"/>
          <w:numId w:val="7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оверяется, следует ли производить предвыборку блоков памяти (тех участков памяти, которые при прошлом запуске использовались в течение первых 10 секунд работы процесса);</w:t>
      </w:r>
    </w:p>
    <w:p w:rsidR="007D31DB" w:rsidRPr="007D31DB" w:rsidRDefault="007D31DB" w:rsidP="007D31DB">
      <w:pPr>
        <w:numPr>
          <w:ilvl w:val="0"/>
          <w:numId w:val="7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инициализируются необходимые компоненты и структуры данных процесса, например, диспетчер кучи;</w:t>
      </w:r>
    </w:p>
    <w:p w:rsidR="007D31DB" w:rsidRPr="007D31DB" w:rsidRDefault="007D31DB" w:rsidP="007D31DB">
      <w:pPr>
        <w:numPr>
          <w:ilvl w:val="0"/>
          <w:numId w:val="7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загружаются динамически подключаемые библиотеки (DLL –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Dynami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Link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Librar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;</w:t>
      </w:r>
    </w:p>
    <w:p w:rsidR="007D31DB" w:rsidRPr="007D31DB" w:rsidRDefault="007D31DB" w:rsidP="007D31DB">
      <w:pPr>
        <w:numPr>
          <w:ilvl w:val="0"/>
          <w:numId w:val="7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начинается выполнение стартовой функции потока.</w:t>
      </w:r>
    </w:p>
    <w:p w:rsidR="007D31DB" w:rsidRPr="007D31DB" w:rsidRDefault="007D31DB" w:rsidP="007D31DB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74" w:name="sect4"/>
      <w:bookmarkEnd w:id="74"/>
      <w:r w:rsidRPr="007D31DB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Резюме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этой лекции введены понятия "процесса" и "потока". Рассмотрены структуры данных, представляющие в операционной системе процесс (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и </w:t>
      </w:r>
      <w:bookmarkStart w:id="75" w:name="keyword72"/>
      <w:bookmarkEnd w:id="75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ток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THREA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 Описан ход создания процесса с использованием структур данных и функций </w:t>
      </w:r>
      <w:bookmarkStart w:id="76" w:name="keyword73"/>
      <w:bookmarkEnd w:id="76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Researc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77" w:name="keyword74"/>
      <w:bookmarkEnd w:id="77"/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Kerne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7D31DB" w:rsidRDefault="007D31DB">
      <w:pPr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</w:p>
    <w:p w:rsidR="007D31DB" w:rsidRPr="007D31DB" w:rsidRDefault="007D31DB" w:rsidP="007D31DB">
      <w:pPr>
        <w:shd w:val="clear" w:color="auto" w:fill="FCF8E4"/>
        <w:spacing w:after="0" w:line="240" w:lineRule="auto"/>
        <w:textAlignment w:val="top"/>
        <w:rPr>
          <w:rFonts w:ascii="Tahoma" w:eastAsia="Times New Roman" w:hAnsi="Tahoma" w:cs="Tahoma"/>
          <w:b/>
          <w:bCs/>
          <w:color w:val="000000"/>
          <w:sz w:val="17"/>
          <w:szCs w:val="17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Лекция 7: </w:t>
      </w:r>
    </w:p>
    <w:p w:rsidR="007D31DB" w:rsidRPr="007D31DB" w:rsidRDefault="007D31DB" w:rsidP="007D31DB">
      <w:pPr>
        <w:shd w:val="clear" w:color="auto" w:fill="FCF8E4"/>
        <w:spacing w:after="0" w:line="240" w:lineRule="auto"/>
        <w:textAlignment w:val="top"/>
        <w:outlineLvl w:val="0"/>
        <w:rPr>
          <w:rFonts w:ascii="Times New Roman" w:eastAsia="Times New Roman" w:hAnsi="Times New Roman" w:cs="Times New Roman"/>
          <w:b/>
          <w:bCs/>
          <w:kern w:val="36"/>
          <w:sz w:val="48"/>
          <w:szCs w:val="4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kern w:val="36"/>
          <w:sz w:val="48"/>
          <w:szCs w:val="48"/>
          <w:lang w:eastAsia="ru-RU"/>
        </w:rPr>
        <w:t>Планирование потоков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Если </w:t>
      </w:r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перационная система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поддерживает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многопоточность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она может распределять </w:t>
      </w:r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цессорное время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либо между процессами, либо между потоками. В операционной системе </w:t>
      </w:r>
      <w:proofErr w:type="spellStart"/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цессор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едоставляется потокам, иначе говоря, осуществляется планирование на уровне потоков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Таким образом, если один процесс имеет пять потоков, а второй – десять, то первый процесс будет занимать </w:t>
      </w:r>
      <w:r w:rsidRPr="007D31DB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оцессор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 два раза больше времени, чем второй (при условии, конечно, что все потоки имеют равный приоритет и выполняют примерно одинаковую работу).</w:t>
      </w:r>
      <w:bookmarkStart w:id="78" w:name="_GoBack"/>
      <w:bookmarkEnd w:id="78"/>
    </w:p>
    <w:p w:rsidR="007D31DB" w:rsidRPr="007D31DB" w:rsidRDefault="007D31DB" w:rsidP="007D31DB">
      <w:pPr>
        <w:shd w:val="clear" w:color="auto" w:fill="FFFFFF"/>
        <w:spacing w:after="0" w:line="240" w:lineRule="auto"/>
        <w:outlineLvl w:val="3"/>
        <w:rPr>
          <w:rFonts w:ascii="Tahoma" w:eastAsia="Times New Roman" w:hAnsi="Tahoma" w:cs="Tahoma"/>
          <w:b/>
          <w:bCs/>
          <w:color w:val="000000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lang w:eastAsia="ru-RU"/>
        </w:rPr>
        <w:t>Алгоритмы планирования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уществуют разные алгоритмы планирования. Рассмотрим основные виды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1. Вытесняющие/</w:t>
      </w:r>
      <w:proofErr w:type="spellStart"/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невытесняющие</w:t>
      </w:r>
      <w:proofErr w:type="spellEnd"/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 xml:space="preserve"> алгоритмы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В случае вытесняющего алгоритма операционная система в любой момент времени может прервать выполнение текущего потока и переключить процессор на другой поток. 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невытесняющих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алгоритмах поток, которому предоставлен процессор, только сам решает, когда передать управление операционной системе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2. Алгоритмы с квантованием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аждому потоку предоставляется квант времени, в течение которого поток может выполняться на процессоре. По истечении кванта операционная система переключает процессор на следующий поток в очереди. Квант обычно равен целому числу интервалов системного таймера</w:t>
      </w:r>
      <w:r w:rsidRPr="007D31DB">
        <w:rPr>
          <w:rFonts w:ascii="Tahoma" w:eastAsia="Times New Roman" w:hAnsi="Tahoma" w:cs="Tahoma"/>
          <w:color w:val="000000"/>
          <w:sz w:val="18"/>
          <w:szCs w:val="18"/>
          <w:vertAlign w:val="superscript"/>
          <w:lang w:eastAsia="ru-RU"/>
        </w:rPr>
        <w:t>1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3. Алгоритмы с приоритетами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аждому потоку назначается приоритет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rio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целое число, обозначающее степень привилегированности потока. Операционная система при наличии нескольких готовых к выполнению потоков выбирает из них поток с наибольшим приоритетом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реализован смешанный алгоритм планирования – вытесняющий, на основе квантования и приоритетов.</w:t>
      </w:r>
    </w:p>
    <w:p w:rsidR="007D31DB" w:rsidRPr="007D31DB" w:rsidRDefault="007D31DB" w:rsidP="007D31DB">
      <w:pPr>
        <w:shd w:val="clear" w:color="auto" w:fill="FFFFFF"/>
        <w:spacing w:after="0" w:line="240" w:lineRule="auto"/>
        <w:outlineLvl w:val="3"/>
        <w:rPr>
          <w:rFonts w:ascii="Tahoma" w:eastAsia="Times New Roman" w:hAnsi="Tahoma" w:cs="Tahoma"/>
          <w:b/>
          <w:bCs/>
          <w:color w:val="000000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lang w:eastAsia="ru-RU"/>
        </w:rPr>
        <w:t>Состояния потоков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 время своего существования поток может находиться в нескольких состояниях. Перечислим основные состояния:</w:t>
      </w:r>
    </w:p>
    <w:p w:rsidR="007D31DB" w:rsidRPr="007D31DB" w:rsidRDefault="007D31DB" w:rsidP="007D31DB">
      <w:pPr>
        <w:numPr>
          <w:ilvl w:val="0"/>
          <w:numId w:val="8"/>
        </w:numPr>
        <w:shd w:val="clear" w:color="auto" w:fill="FFFFFF"/>
        <w:spacing w:before="36" w:after="36" w:line="240" w:lineRule="atLeast"/>
        <w:ind w:left="48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Готовность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Read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поток готов к выполнению и ждет своей очереди занять процессор.</w:t>
      </w:r>
    </w:p>
    <w:p w:rsidR="007D31DB" w:rsidRPr="007D31DB" w:rsidRDefault="007D31DB" w:rsidP="007D31DB">
      <w:pPr>
        <w:numPr>
          <w:ilvl w:val="0"/>
          <w:numId w:val="8"/>
        </w:numPr>
        <w:shd w:val="clear" w:color="auto" w:fill="FFFFFF"/>
        <w:spacing w:before="36" w:after="36" w:line="240" w:lineRule="atLeast"/>
        <w:ind w:left="48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ыполнение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Running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поток выполняется на процессоре.</w:t>
      </w:r>
    </w:p>
    <w:p w:rsidR="007D31DB" w:rsidRPr="007D31DB" w:rsidRDefault="007D31DB" w:rsidP="007D31DB">
      <w:pPr>
        <w:numPr>
          <w:ilvl w:val="0"/>
          <w:numId w:val="8"/>
        </w:numPr>
        <w:shd w:val="clear" w:color="auto" w:fill="FFFFFF"/>
        <w:spacing w:before="36" w:after="36" w:line="240" w:lineRule="atLeast"/>
        <w:ind w:left="48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Ожидание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aiting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поток не может выполняться, поскольку ждет наступление некоторого события (например, завершения операции ввода-вывода или сообщения от другого потока)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роме основных существует ещё несколько состояний – Инициализация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it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Завершение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Terminat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Состояние простоя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Standb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Переходное состояние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Transition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Состояние отложенной готовности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Deferre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read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 Подробнее о них можно узнать в [</w:t>
      </w:r>
      <w:hyperlink r:id="rId11" w:anchor="literature.5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5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; </w:t>
      </w:r>
      <w:hyperlink r:id="rId12" w:anchor="literature.2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2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]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На </w:t>
      </w:r>
      <w:hyperlink r:id="rId13" w:anchor="image.9.1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9.1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казаны основные состояния потока, возможные переходы между состояниями и условия переходов.</w:t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79" w:name="image.9.1"/>
      <w:bookmarkEnd w:id="79"/>
      <w:r w:rsidRPr="007D31DB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lastRenderedPageBreak/>
        <w:drawing>
          <wp:inline distT="0" distB="0" distL="0" distR="0" wp14:anchorId="06E330C7" wp14:editId="54D2F6D1">
            <wp:extent cx="5895340" cy="3020060"/>
            <wp:effectExtent l="0" t="0" r="0" b="8890"/>
            <wp:docPr id="1" name="Рисунок 1" descr="Состояния потока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 descr="Состояния потока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95340" cy="30200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9.1. 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остояния потока</w:t>
      </w:r>
    </w:p>
    <w:p w:rsidR="007D31DB" w:rsidRPr="007D31DB" w:rsidRDefault="007D31DB" w:rsidP="007D31DB">
      <w:pPr>
        <w:shd w:val="clear" w:color="auto" w:fill="FFFFFF"/>
        <w:spacing w:after="0" w:line="240" w:lineRule="auto"/>
        <w:outlineLvl w:val="3"/>
        <w:rPr>
          <w:rFonts w:ascii="Tahoma" w:eastAsia="Times New Roman" w:hAnsi="Tahoma" w:cs="Tahoma"/>
          <w:b/>
          <w:bCs/>
          <w:color w:val="000000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lang w:eastAsia="ru-RU"/>
        </w:rPr>
        <w:t>Кванты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имеется два базовых размера кванта – 2 интервала системного таймера и 12 интервалов. Если квант времени короткий, то потоки будут переключаться быстрее и "отзывчивость"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responsiven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) системы улучшится – это важное свойство для пользователя, поэтому в клиентских системах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по умолчанию используются короткие кванты. При этом производительность системы в целом снижается, поскольку потоки не будут успевать выполнять свои задачи в течение выделенного кванта, а частые переключения создадут высокие накладные расходы (служебные операции системы при смене потоков). Вследствие этого в серверных версиях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по умолчанию применяются длинные кванты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Длительность интервала системного таймера (в сотнях наносекунд) хранится в переменной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MaximumIncrement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для x86 – 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ex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\i386\splocks.asm, строка 140; для x64 – 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ex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amd64\hifreqlk.asm, строка 147) и устанавливается функцией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eSetTimeIncrement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iscc.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711 на основе значения, предоставляемого HAL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аждый процесс хранит величину кванта в поле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QuantumReset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029). Значение в этом поле равно количеству интервалов таймера, умноженному на 3. Например, для длинных квантов (12 интервалов) значение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QuantumReset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будет равно 36. Таким образом, при каждом срабатывании таймера (возникает прерывание) система уменьшает квант выполняющегося потока на 3 единицы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Умножение на три введено для того чтобы можно было в разной степени уменьшать квант в двух различных ситуациях – срабатывании таймера (квант уменьшается на 3 единицы) и выходе из состояния ожидания (квант уменьшается на единицу). Уменьшение кванта при выходе потока из состояния ожидания применяется чтобы избежать ситуации бесконечно выполняющегося потока: если при каждом срабатывании таймера поток находится в состоянии ожидания, а при выходе из ожидания значение кванта не изменяется, то теоретически поток может выполняться бесконечно. Поэтому при выходе из состояния ожидания текущее значение его кванта уменьшается на единицу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Значение кванта может быть изменено пользователем. Например, на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7 нужно проделать следующее: Компьютер – Свойства – Дополнительные параметры системы – вкладка "Дополнительно" – раздел "Быстродействие" – Параметры – вкладка "Дополнительно" – раздел "Распределение времени процессора". Можно выбрать короткие кванты ("Оптимизировать работу программ") или длинные ("Оптимизировать работу служб, работающих в фоновом режиме") (</w:t>
      </w:r>
      <w:hyperlink r:id="rId15" w:anchor="image.9.2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9.2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80" w:name="image.9.2"/>
      <w:bookmarkEnd w:id="80"/>
      <w:r w:rsidRPr="007D31DB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lastRenderedPageBreak/>
        <w:drawing>
          <wp:inline distT="0" distB="0" distL="0" distR="0" wp14:anchorId="3C53966E" wp14:editId="6DBEC004">
            <wp:extent cx="3602355" cy="5334000"/>
            <wp:effectExtent l="0" t="0" r="0" b="0"/>
            <wp:docPr id="2" name="Рисунок 2" descr="Изменение величины кванта в Windows 7numbe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8" descr="Изменение величины кванта в Windows 7number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02355" cy="5334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9.2. 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Изменение величины кванта 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7number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 изменение величины кванта отвечает функци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eSetQuantum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rocobj.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393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Кроме длинных и коротких квантов 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реализовано динамическое увеличение размера кванта для потоков активного процесса (т.е. того процесса, окно которого в настоящий момент активно). За повышение кванта (и приоритета) отвечает функция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spComputeQuantumAndPrio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squery.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4415). Более подробную информацию о динамическом увеличении кванта см. [</w:t>
      </w:r>
      <w:hyperlink r:id="rId17" w:anchor="literature.5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5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. 361].</w:t>
      </w:r>
    </w:p>
    <w:p w:rsidR="007D31DB" w:rsidRPr="007D31DB" w:rsidRDefault="007D31DB" w:rsidP="007D31DB">
      <w:pPr>
        <w:shd w:val="clear" w:color="auto" w:fill="FFFFFF"/>
        <w:spacing w:after="0" w:line="240" w:lineRule="auto"/>
        <w:outlineLvl w:val="3"/>
        <w:rPr>
          <w:rFonts w:ascii="Tahoma" w:eastAsia="Times New Roman" w:hAnsi="Tahoma" w:cs="Tahoma"/>
          <w:b/>
          <w:bCs/>
          <w:color w:val="000000"/>
          <w:lang w:eastAsia="ru-RU"/>
        </w:rPr>
      </w:pPr>
      <w:bookmarkStart w:id="81" w:name="sect5"/>
      <w:bookmarkEnd w:id="81"/>
      <w:r w:rsidRPr="007D31DB">
        <w:rPr>
          <w:rFonts w:ascii="Tahoma" w:eastAsia="Times New Roman" w:hAnsi="Tahoma" w:cs="Tahoma"/>
          <w:b/>
          <w:bCs/>
          <w:color w:val="000000"/>
          <w:lang w:eastAsia="ru-RU"/>
        </w:rPr>
        <w:t>Приоритеты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В операционной систем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имеется 32 уровня приоритета – от 0 до 31 (</w:t>
      </w:r>
      <w:hyperlink r:id="rId18" w:anchor="image.9.3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9.3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82" w:name="image.9.3"/>
      <w:bookmarkEnd w:id="82"/>
      <w:r w:rsidRPr="007D31DB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lastRenderedPageBreak/>
        <w:drawing>
          <wp:inline distT="0" distB="0" distL="0" distR="0" wp14:anchorId="49D95349" wp14:editId="315CFED9">
            <wp:extent cx="3636645" cy="4378325"/>
            <wp:effectExtent l="0" t="0" r="1905" b="3175"/>
            <wp:docPr id="3" name="Рисунок 3" descr="Приоритеты в Window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 descr="Приоритеты в Windows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36645" cy="43783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9.3. 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Приоритеты 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Приоритеты назначаются процессам и потокам. У процесса имеется единственный приоритет, который называется базовым. Значение этого приоритета хранится в пол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Prio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строка 1028). 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API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для работы с базовым приоритетом процесса используются классы приоритета (например,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REALTIME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 NORMAL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 т. д.); соответствие классов приоритета числовым значениям показано на </w:t>
      </w:r>
      <w:hyperlink r:id="rId20" w:anchor="image.9.3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9.3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. Например, при создании процесса можно указать класс приоритета в качестве параметра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API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-функци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CreateProce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иначе будет установлен приоритет по умолчанию (см. лекцию 6 "Процессы и потоки", раздел "Создание процесса"). В дальнейшем класс приоритета процесса можно изменить при помощ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API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-функци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SetPriorityCla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WRK структура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ROCESS_PRIORITY_CLA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и значения соответствующих констант (заметьте, что эти значения не совпадают с числовыми значениями приоритетов) определены в файл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ubli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sdk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psapi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строка 399). Класс приоритета процесса хранится в поле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riorityCla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EPROCESS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см. лекцию 7 "Процессы и потоки", раздел "Структуры данных для процессов и потоков"). Таким образом, если, например, процессу назначен класс приоритета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Hig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то в поле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riorityClas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запишется число 3 (значение констант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ROCESS_PRIORITY_CLASS_HIGH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в поле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BasePrio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значение 13 (соответствующее числовое значение приоритета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Поток имеет два значения приоритета – базовый и текущий. При создании потока базовый приоритет потока принимается равным базовому приоритету процесса-владельца. Можно изменить базовый приоритет потока при помощ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API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-функции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SetThreadPrio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 Параметрами этой функции являются дескриптор потока и относительный приоритет, который определяет смещение базового приоритета (</w:t>
      </w:r>
      <w:hyperlink r:id="rId21" w:anchor="table.9.1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таблица 7.1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tbl>
      <w:tblPr>
        <w:tblW w:w="0" w:type="auto"/>
        <w:tblCellSpacing w:w="6" w:type="dxa"/>
        <w:shd w:val="clear" w:color="auto" w:fill="FFFFFF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459"/>
        <w:gridCol w:w="3334"/>
        <w:gridCol w:w="3562"/>
      </w:tblGrid>
      <w:tr w:rsidR="007D31DB" w:rsidRPr="007D31DB" w:rsidTr="007D31DB">
        <w:trPr>
          <w:tblCellSpacing w:w="6" w:type="dxa"/>
        </w:trPr>
        <w:tc>
          <w:tcPr>
            <w:tcW w:w="0" w:type="auto"/>
            <w:gridSpan w:val="3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vAlign w:val="center"/>
            <w:hideMark/>
          </w:tcPr>
          <w:p w:rsidR="007D31DB" w:rsidRPr="007D31DB" w:rsidRDefault="007D31DB" w:rsidP="007D31D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bookmarkStart w:id="83" w:name="table.9.1"/>
            <w:bookmarkEnd w:id="83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Таблица 9.1. Влияние относительных приоритетов</w:t>
            </w:r>
          </w:p>
        </w:tc>
      </w:tr>
      <w:tr w:rsidR="007D31DB" w:rsidRPr="007D31DB" w:rsidTr="007D31DB">
        <w:trPr>
          <w:tblCellSpacing w:w="6" w:type="dxa"/>
        </w:trPr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vAlign w:val="center"/>
            <w:hideMark/>
          </w:tcPr>
          <w:p w:rsidR="007D31DB" w:rsidRPr="007D31DB" w:rsidRDefault="007D31DB" w:rsidP="007D31D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Относительный приоритет</w:t>
            </w:r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vAlign w:val="center"/>
            <w:hideMark/>
          </w:tcPr>
          <w:p w:rsidR="007D31DB" w:rsidRPr="007D31DB" w:rsidRDefault="007D31DB" w:rsidP="007D31D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Смещение для динамических приоритетов</w:t>
            </w:r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vAlign w:val="center"/>
            <w:hideMark/>
          </w:tcPr>
          <w:p w:rsidR="007D31DB" w:rsidRPr="007D31DB" w:rsidRDefault="007D31DB" w:rsidP="007D31DB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Смещение для приоритетов реального времени</w:t>
            </w:r>
          </w:p>
        </w:tc>
      </w:tr>
      <w:tr w:rsidR="007D31DB" w:rsidRPr="007D31DB" w:rsidTr="007D31DB">
        <w:trPr>
          <w:tblCellSpacing w:w="6" w:type="dxa"/>
        </w:trPr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Time</w:t>
            </w:r>
            <w:proofErr w:type="spellEnd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</w:t>
            </w: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Critical</w:t>
            </w:r>
            <w:proofErr w:type="spellEnd"/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Базовый приоритет = 15</w:t>
            </w:r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Базовый приоритет = 31</w:t>
            </w:r>
          </w:p>
        </w:tc>
      </w:tr>
      <w:tr w:rsidR="007D31DB" w:rsidRPr="007D31DB" w:rsidTr="007D31DB">
        <w:trPr>
          <w:tblCellSpacing w:w="6" w:type="dxa"/>
        </w:trPr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Highest</w:t>
            </w:r>
            <w:proofErr w:type="spellEnd"/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+2</w:t>
            </w:r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+2</w:t>
            </w:r>
          </w:p>
        </w:tc>
      </w:tr>
      <w:tr w:rsidR="007D31DB" w:rsidRPr="007D31DB" w:rsidTr="007D31DB">
        <w:trPr>
          <w:tblCellSpacing w:w="6" w:type="dxa"/>
        </w:trPr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lastRenderedPageBreak/>
              <w:t>Above</w:t>
            </w:r>
            <w:proofErr w:type="spellEnd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</w:t>
            </w: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Normal</w:t>
            </w:r>
            <w:proofErr w:type="spellEnd"/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+1</w:t>
            </w:r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+1</w:t>
            </w:r>
          </w:p>
        </w:tc>
      </w:tr>
      <w:tr w:rsidR="007D31DB" w:rsidRPr="007D31DB" w:rsidTr="007D31DB">
        <w:trPr>
          <w:tblCellSpacing w:w="6" w:type="dxa"/>
        </w:trPr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Normal</w:t>
            </w:r>
            <w:proofErr w:type="spellEnd"/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0</w:t>
            </w:r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0</w:t>
            </w:r>
          </w:p>
        </w:tc>
      </w:tr>
      <w:tr w:rsidR="007D31DB" w:rsidRPr="007D31DB" w:rsidTr="007D31DB">
        <w:trPr>
          <w:tblCellSpacing w:w="6" w:type="dxa"/>
        </w:trPr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Below</w:t>
            </w:r>
            <w:proofErr w:type="spellEnd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</w:t>
            </w: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Normal</w:t>
            </w:r>
            <w:proofErr w:type="spellEnd"/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–1</w:t>
            </w:r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–1</w:t>
            </w:r>
          </w:p>
        </w:tc>
      </w:tr>
      <w:tr w:rsidR="007D31DB" w:rsidRPr="007D31DB" w:rsidTr="007D31DB">
        <w:trPr>
          <w:tblCellSpacing w:w="6" w:type="dxa"/>
        </w:trPr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Lowest</w:t>
            </w:r>
            <w:proofErr w:type="spellEnd"/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–2</w:t>
            </w:r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–2</w:t>
            </w:r>
          </w:p>
        </w:tc>
      </w:tr>
      <w:tr w:rsidR="007D31DB" w:rsidRPr="007D31DB" w:rsidTr="007D31DB">
        <w:trPr>
          <w:tblCellSpacing w:w="6" w:type="dxa"/>
        </w:trPr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Idle</w:t>
            </w:r>
            <w:proofErr w:type="spellEnd"/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Базовый приоритет = 1</w:t>
            </w:r>
          </w:p>
        </w:tc>
        <w:tc>
          <w:tcPr>
            <w:tcW w:w="0" w:type="auto"/>
            <w:tcBorders>
              <w:top w:val="nil"/>
              <w:left w:val="nil"/>
              <w:bottom w:val="nil"/>
              <w:right w:val="nil"/>
            </w:tcBorders>
            <w:shd w:val="clear" w:color="auto" w:fill="FFFFFF"/>
            <w:hideMark/>
          </w:tcPr>
          <w:p w:rsidR="007D31DB" w:rsidRPr="007D31DB" w:rsidRDefault="007D31DB" w:rsidP="007D31DB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7D31DB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Базовый приоритет = 16</w:t>
            </w:r>
          </w:p>
        </w:tc>
      </w:tr>
    </w:tbl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Пример. Имеется процесс с базовым приоритетом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elow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orma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6). Поток, принадлежащий этому процессу, имеет такой же базовый приоритет. Вызов функци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SetThreadPrio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с параметром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Highest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сделает базовый приоритет потока равным 8, а с параметром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Tim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Critica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– равным 15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Текущий приоритет потока при создании потока равен базовому, но в дальнейшем может динамически повышаться и понижаться операционной системой (эта процедура будет рассмотрена далее). Заметим, что для потоков с базовым приоритетом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Real</w:t>
      </w:r>
      <w:proofErr w:type="spellEnd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Tim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текущий приоритет не изменяется и всегда равен базовому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Базовый приоритет потока хранится в поле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BasePrio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а текущий – в пол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rio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THREAD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и 1123 и 1237).</w:t>
      </w:r>
    </w:p>
    <w:p w:rsidR="007D31DB" w:rsidRPr="007D31DB" w:rsidRDefault="007D31DB" w:rsidP="007D31DB">
      <w:pPr>
        <w:shd w:val="clear" w:color="auto" w:fill="FFFFFF"/>
        <w:spacing w:after="0" w:line="240" w:lineRule="auto"/>
        <w:outlineLvl w:val="3"/>
        <w:rPr>
          <w:rFonts w:ascii="Tahoma" w:eastAsia="Times New Roman" w:hAnsi="Tahoma" w:cs="Tahoma"/>
          <w:b/>
          <w:bCs/>
          <w:color w:val="000000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lang w:eastAsia="ru-RU"/>
        </w:rPr>
        <w:t xml:space="preserve">Алгоритм планирования в </w:t>
      </w:r>
      <w:proofErr w:type="spellStart"/>
      <w:r w:rsidRPr="007D31DB">
        <w:rPr>
          <w:rFonts w:ascii="Tahoma" w:eastAsia="Times New Roman" w:hAnsi="Tahoma" w:cs="Tahoma"/>
          <w:b/>
          <w:bCs/>
          <w:color w:val="000000"/>
          <w:lang w:eastAsia="ru-RU"/>
        </w:rPr>
        <w:t>Windows</w:t>
      </w:r>
      <w:proofErr w:type="spellEnd"/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отсутствует единый модуль, отвечающий за планирование потоков. Алгоритм планирования реализуется несколькими процедурами ядра, совокупность которых называется диспетчером ядра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rnel’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dispatcher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Для хранения данных, необходимых для планирования, предназначена база данных диспетчера ядра, которая является частью структуры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PRCB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rne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rocessor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Control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lock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), описанной в файл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i386.h (строка 1073). Эта структура создается для каждого процессора, присутствующего в системе. Структура </w:t>
      </w:r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PRCB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одержит следующие поля, требуемые для планирования:</w:t>
      </w:r>
    </w:p>
    <w:p w:rsidR="007D31DB" w:rsidRPr="007D31DB" w:rsidRDefault="007D31DB" w:rsidP="007D31DB">
      <w:pPr>
        <w:numPr>
          <w:ilvl w:val="0"/>
          <w:numId w:val="9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urrent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указатель на текущий выполняющийся поток;</w:t>
      </w:r>
    </w:p>
    <w:p w:rsidR="007D31DB" w:rsidRPr="007D31DB" w:rsidRDefault="007D31DB" w:rsidP="007D31DB">
      <w:pPr>
        <w:numPr>
          <w:ilvl w:val="0"/>
          <w:numId w:val="9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Next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указатель на следующий поток для выполнения;</w:t>
      </w:r>
    </w:p>
    <w:p w:rsidR="007D31DB" w:rsidRPr="007D31DB" w:rsidRDefault="007D31DB" w:rsidP="007D31DB">
      <w:pPr>
        <w:numPr>
          <w:ilvl w:val="0"/>
          <w:numId w:val="9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Idle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указатель на поток простоя;</w:t>
      </w:r>
    </w:p>
    <w:p w:rsidR="007D31DB" w:rsidRPr="007D31DB" w:rsidRDefault="007D31DB" w:rsidP="007D31DB">
      <w:pPr>
        <w:numPr>
          <w:ilvl w:val="0"/>
          <w:numId w:val="9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DispatcherReadyListH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массив списков, содержащих указатели на потоки, готовые к выполнению. Количество элементов массива совпадает с количеством уровней приоритета в системе (32), т. е. для каждого приоритета поддерживается своя очередь потоков в состоянии готовности;</w:t>
      </w:r>
    </w:p>
    <w:p w:rsidR="007D31DB" w:rsidRPr="007D31DB" w:rsidRDefault="007D31DB" w:rsidP="007D31DB">
      <w:pPr>
        <w:numPr>
          <w:ilvl w:val="0"/>
          <w:numId w:val="9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ReadySummar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32 битное число, каждый из разрядов которого отвечает за один уровень приоритета. Единица в N-ом разряде означает, что очередь готовых к выполнению потоков с приоритетом N не пустая. Это поле используется для ускорения поиска при выборе потока для выполнения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ыбор потока с максимальным приоритетом из массива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DispatcherReadyListH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 использованием поля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ReadySummar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осуществляется функцией </w:t>
      </w:r>
      <w:proofErr w:type="spellStart"/>
      <w:r w:rsidRPr="007D31DB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KiSelectReadyThr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(файл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i.h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3550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Рассмотрим основные ситуации, возникающие при планировании потоков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1. Выбор потока на выполнение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Просматривается очередь готовых к выполнению потоков (сначала пол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ReadySummar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затем, когда определена непустая очередь с максимальным приоритетом, поле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DispatcherReadyListHead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и выбирается первый поток в очереди с наибольшим приоритетом, которому для выполнения предоставляется квант времени (</w:t>
      </w:r>
      <w:hyperlink r:id="rId22" w:anchor="image.9.4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9.4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84" w:name="image.9.4"/>
      <w:bookmarkEnd w:id="84"/>
      <w:r w:rsidRPr="007D31DB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lastRenderedPageBreak/>
        <w:drawing>
          <wp:inline distT="0" distB="0" distL="0" distR="0" wp14:anchorId="1907D7A9" wp14:editId="00D1FED0">
            <wp:extent cx="5895340" cy="2860675"/>
            <wp:effectExtent l="0" t="0" r="0" b="0"/>
            <wp:docPr id="4" name="Рисунок 4" descr="Выбор потока для выполнения (квадратами обозначены потоки, числами – их приоритеты)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 descr="Выбор потока для выполнения (квадратами обозначены потоки, числами – их приоритеты)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95340" cy="2860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9.4. 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ыбор потока для выполнения (квадратами обозначены потоки, числами – их приоритеты)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2. Переход выполняющегося потока в состояние ожидания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Выполняющийся поток вызывает одну из функций ожидания (см. MSDN –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ait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Function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[</w:t>
      </w:r>
      <w:hyperlink r:id="rId24" w:anchor="literature.10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10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]) и освобождает процессор. Его квант времени не истек и сохраняется за потоком, но при выходе из состояния ожидания уменьшается на единицу (см. параграф "Кванты" этой лекции)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Диспетчер ядра выбирает на выполнение первый поток из очереди с наибольшим приоритетом (</w:t>
      </w:r>
      <w:hyperlink r:id="rId25" w:anchor="image.9.5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9.5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85" w:name="image.9.5"/>
      <w:bookmarkEnd w:id="85"/>
      <w:r w:rsidRPr="007D31DB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drawing>
          <wp:inline distT="0" distB="0" distL="0" distR="0" wp14:anchorId="5CE93B58" wp14:editId="4DAB7142">
            <wp:extent cx="5895340" cy="2902585"/>
            <wp:effectExtent l="0" t="0" r="0" b="0"/>
            <wp:docPr id="5" name="Рисунок 5" descr="Переход потока в состояние ожидания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 descr="Переход потока в состояние ожидания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95340" cy="29025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9.5. 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ереход потока в состояние ожидания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3. Вытеснение потоком с большим приоритетом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о время выполнения поток может быть вытеснен при появлении потока с большим приоритетом. Такая ситуация может возникнуть по следующим причинам:</w:t>
      </w:r>
    </w:p>
    <w:p w:rsidR="007D31DB" w:rsidRPr="007D31DB" w:rsidRDefault="007D31DB" w:rsidP="007D31DB">
      <w:pPr>
        <w:numPr>
          <w:ilvl w:val="0"/>
          <w:numId w:val="10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оток с большим приоритетом завершил ожидание (</w:t>
      </w:r>
      <w:hyperlink r:id="rId27" w:anchor="image.9.6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9.6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;</w:t>
      </w:r>
    </w:p>
    <w:p w:rsidR="007D31DB" w:rsidRPr="007D31DB" w:rsidRDefault="007D31DB" w:rsidP="007D31DB">
      <w:pPr>
        <w:numPr>
          <w:ilvl w:val="0"/>
          <w:numId w:val="10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иоритет потока в очереди готовности динамически увеличился (см. далее в этой лекции);</w:t>
      </w:r>
    </w:p>
    <w:p w:rsidR="007D31DB" w:rsidRPr="007D31DB" w:rsidRDefault="007D31DB" w:rsidP="007D31DB">
      <w:pPr>
        <w:numPr>
          <w:ilvl w:val="0"/>
          <w:numId w:val="10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lastRenderedPageBreak/>
        <w:t>в системе создан поток с большим приоритетом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любом случае выполняющийся поток вытесняется, помещается в начало очереди готовности с соответствующим приоритетом; при этом неистраченная часть кванта остается за потоком.</w:t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86" w:name="image.9.6"/>
      <w:bookmarkEnd w:id="86"/>
      <w:r w:rsidRPr="007D31DB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drawing>
          <wp:inline distT="0" distB="0" distL="0" distR="0" wp14:anchorId="7A968DB6" wp14:editId="611FE7E6">
            <wp:extent cx="5895340" cy="2840355"/>
            <wp:effectExtent l="0" t="0" r="0" b="0"/>
            <wp:docPr id="6" name="Рисунок 6" descr="Вытеснение потока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2" descr="Вытеснение потока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95340" cy="28403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9.6. 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ытеснение потока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4. Завершение кванта времени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огда квант времени, предоставленный потоку, истекает, операционная система проверяет, есть ли в очереди готовности поток с таким же приоритетом или выше. Если есть, то поток помещается в конец соответствующей очереди готовности и новый поток выбирается на выполнение (</w:t>
      </w:r>
      <w:hyperlink r:id="rId29" w:anchor="image.9.7" w:history="1">
        <w:r w:rsidRPr="007D31DB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9.7</w:t>
        </w:r>
      </w:hyperlink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 Если такие потоки отсутствуют, выполняющемуся потоку может быть предоставлен новый квант времени.</w:t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87" w:name="image.9.7"/>
      <w:bookmarkEnd w:id="87"/>
      <w:r w:rsidRPr="007D31DB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drawing>
          <wp:inline distT="0" distB="0" distL="0" distR="0" wp14:anchorId="7CC76AC9" wp14:editId="4B258C8E">
            <wp:extent cx="5888355" cy="2715260"/>
            <wp:effectExtent l="0" t="0" r="0" b="8890"/>
            <wp:docPr id="7" name="Рисунок 7" descr="Завершение кванта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 descr="Завершение кванта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88355" cy="27152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D31DB" w:rsidRPr="007D31DB" w:rsidRDefault="007D31DB" w:rsidP="007D31DB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7D31DB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9.7. </w:t>
      </w: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вершение кванта</w:t>
      </w:r>
    </w:p>
    <w:p w:rsidR="007D31DB" w:rsidRPr="007D31DB" w:rsidRDefault="007D31DB" w:rsidP="007D31DB">
      <w:pPr>
        <w:shd w:val="clear" w:color="auto" w:fill="FFFFFF"/>
        <w:spacing w:after="0" w:line="240" w:lineRule="auto"/>
        <w:outlineLvl w:val="3"/>
        <w:rPr>
          <w:rFonts w:ascii="Tahoma" w:eastAsia="Times New Roman" w:hAnsi="Tahoma" w:cs="Tahoma"/>
          <w:b/>
          <w:bCs/>
          <w:color w:val="000000"/>
          <w:lang w:eastAsia="ru-RU"/>
        </w:rPr>
      </w:pPr>
      <w:bookmarkStart w:id="88" w:name="sect7"/>
      <w:bookmarkEnd w:id="88"/>
      <w:r w:rsidRPr="007D31DB">
        <w:rPr>
          <w:rFonts w:ascii="Tahoma" w:eastAsia="Times New Roman" w:hAnsi="Tahoma" w:cs="Tahoma"/>
          <w:b/>
          <w:bCs/>
          <w:color w:val="000000"/>
          <w:lang w:eastAsia="ru-RU"/>
        </w:rPr>
        <w:t>Динамическое повышение приоритета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Если бы операционная система осуществляла планирование потоков только на основе выше рассмотренных ситуаций, большинство потоков с низким приоритетом вообще никогда не выполнялись бы – диспетчер ядра все время выбирал бы потоки с наивысшим приоритетом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lastRenderedPageBreak/>
        <w:t>Чтобы дать всем потокам шанс на выполнение операционная система применяет механизм динамического повышения приоритета (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riority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oost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который работает в следующих случаях:</w:t>
      </w:r>
    </w:p>
    <w:p w:rsidR="007D31DB" w:rsidRPr="007D31DB" w:rsidRDefault="007D31DB" w:rsidP="007D31DB">
      <w:pPr>
        <w:numPr>
          <w:ilvl w:val="0"/>
          <w:numId w:val="1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озникает событие диспетчера ядра;</w:t>
      </w:r>
    </w:p>
    <w:p w:rsidR="007D31DB" w:rsidRPr="007D31DB" w:rsidRDefault="007D31DB" w:rsidP="007D31DB">
      <w:pPr>
        <w:numPr>
          <w:ilvl w:val="0"/>
          <w:numId w:val="1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вершается операции ввода/вывода;</w:t>
      </w:r>
    </w:p>
    <w:p w:rsidR="007D31DB" w:rsidRPr="007D31DB" w:rsidRDefault="007D31DB" w:rsidP="007D31DB">
      <w:pPr>
        <w:numPr>
          <w:ilvl w:val="0"/>
          <w:numId w:val="1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оисходит событие пользовательского интерфейса;</w:t>
      </w:r>
    </w:p>
    <w:p w:rsidR="007D31DB" w:rsidRPr="007D31DB" w:rsidRDefault="007D31DB" w:rsidP="007D31DB">
      <w:pPr>
        <w:numPr>
          <w:ilvl w:val="0"/>
          <w:numId w:val="1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оток слишком долго ожидает ресурс;</w:t>
      </w:r>
    </w:p>
    <w:p w:rsidR="007D31DB" w:rsidRPr="007D31DB" w:rsidRDefault="007D31DB" w:rsidP="007D31DB">
      <w:pPr>
        <w:numPr>
          <w:ilvl w:val="0"/>
          <w:numId w:val="1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оток слишком долго ожидает своей очереди на выполнение.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мечание. Никогда не повышаются приоритеты потоков реального времени (16–31).</w:t>
      </w:r>
    </w:p>
    <w:p w:rsidR="007D31DB" w:rsidRPr="007D31DB" w:rsidRDefault="007D31DB" w:rsidP="007D31DB">
      <w:pPr>
        <w:shd w:val="clear" w:color="auto" w:fill="FFFFFF"/>
        <w:spacing w:after="0" w:line="240" w:lineRule="auto"/>
        <w:outlineLvl w:val="3"/>
        <w:rPr>
          <w:rFonts w:ascii="Tahoma" w:eastAsia="Times New Roman" w:hAnsi="Tahoma" w:cs="Tahoma"/>
          <w:b/>
          <w:bCs/>
          <w:color w:val="000000"/>
          <w:lang w:eastAsia="ru-RU"/>
        </w:rPr>
      </w:pPr>
      <w:bookmarkStart w:id="89" w:name="sect8"/>
      <w:bookmarkEnd w:id="89"/>
      <w:r w:rsidRPr="007D31DB">
        <w:rPr>
          <w:rFonts w:ascii="Tahoma" w:eastAsia="Times New Roman" w:hAnsi="Tahoma" w:cs="Tahoma"/>
          <w:b/>
          <w:bCs/>
          <w:color w:val="000000"/>
          <w:lang w:eastAsia="ru-RU"/>
        </w:rPr>
        <w:t>Резюме</w:t>
      </w:r>
    </w:p>
    <w:p w:rsidR="007D31DB" w:rsidRPr="007D31DB" w:rsidRDefault="007D31DB" w:rsidP="007D31DB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В этой лекции рассмотрены основные алгоритмы планирования потоков, в том числе, вытесняющие и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невытесняющие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с квантованием и с приоритетами. Описаны состояния, в которых могут находиться потоки. Приведены особенности реализации квантования и приоритетов 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. Рассмотрен алгоритм планирования потоков, используемый в </w:t>
      </w:r>
      <w:proofErr w:type="spellStart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7D31DB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7D31DB" w:rsidRDefault="007D31DB"/>
    <w:sectPr w:rsidR="007D31DB">
      <w:headerReference w:type="default" r:id="rId31"/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50F4E" w:rsidRDefault="00550F4E" w:rsidP="00BA6D5E">
      <w:pPr>
        <w:spacing w:after="0" w:line="240" w:lineRule="auto"/>
      </w:pPr>
      <w:r>
        <w:separator/>
      </w:r>
    </w:p>
  </w:endnote>
  <w:endnote w:type="continuationSeparator" w:id="0">
    <w:p w:rsidR="00550F4E" w:rsidRDefault="00550F4E" w:rsidP="00BA6D5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50F4E" w:rsidRDefault="00550F4E" w:rsidP="00BA6D5E">
      <w:pPr>
        <w:spacing w:after="0" w:line="240" w:lineRule="auto"/>
      </w:pPr>
      <w:r>
        <w:separator/>
      </w:r>
    </w:p>
  </w:footnote>
  <w:footnote w:type="continuationSeparator" w:id="0">
    <w:p w:rsidR="00550F4E" w:rsidRDefault="00550F4E" w:rsidP="00BA6D5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571931617"/>
      <w:docPartObj>
        <w:docPartGallery w:val="Page Numbers (Top of Page)"/>
        <w:docPartUnique/>
      </w:docPartObj>
    </w:sdtPr>
    <w:sdtContent>
      <w:p w:rsidR="00BA6D5E" w:rsidRDefault="00BA6D5E">
        <w:pPr>
          <w:pStyle w:val="a3"/>
          <w:jc w:val="center"/>
        </w:pPr>
        <w:r>
          <w:fldChar w:fldCharType="begin"/>
        </w:r>
        <w:r>
          <w:instrText>PAGE   \* MERGEFORMAT</w:instrText>
        </w:r>
        <w:r>
          <w:fldChar w:fldCharType="separate"/>
        </w:r>
        <w:r>
          <w:rPr>
            <w:noProof/>
          </w:rPr>
          <w:t>4</w:t>
        </w:r>
        <w:r>
          <w:fldChar w:fldCharType="end"/>
        </w:r>
      </w:p>
    </w:sdtContent>
  </w:sdt>
  <w:p w:rsidR="00BA6D5E" w:rsidRDefault="00BA6D5E">
    <w:pPr>
      <w:pStyle w:val="a3"/>
    </w:pP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46730AA"/>
    <w:multiLevelType w:val="multilevel"/>
    <w:tmpl w:val="6800588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3291229A"/>
    <w:multiLevelType w:val="multilevel"/>
    <w:tmpl w:val="679C3B5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443145C7"/>
    <w:multiLevelType w:val="multilevel"/>
    <w:tmpl w:val="56A42C1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4AC47461"/>
    <w:multiLevelType w:val="multilevel"/>
    <w:tmpl w:val="EACC3A4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 w15:restartNumberingAfterBreak="0">
    <w:nsid w:val="5438236D"/>
    <w:multiLevelType w:val="multilevel"/>
    <w:tmpl w:val="AD10DBD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5BBC0F8E"/>
    <w:multiLevelType w:val="multilevel"/>
    <w:tmpl w:val="E40C40A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" w15:restartNumberingAfterBreak="0">
    <w:nsid w:val="5CB97FCE"/>
    <w:multiLevelType w:val="multilevel"/>
    <w:tmpl w:val="C4B6062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7" w15:restartNumberingAfterBreak="0">
    <w:nsid w:val="614F533B"/>
    <w:multiLevelType w:val="multilevel"/>
    <w:tmpl w:val="8D14D90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8" w15:restartNumberingAfterBreak="0">
    <w:nsid w:val="6A766EBA"/>
    <w:multiLevelType w:val="multilevel"/>
    <w:tmpl w:val="46349EB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9" w15:restartNumberingAfterBreak="0">
    <w:nsid w:val="724C0B0D"/>
    <w:multiLevelType w:val="multilevel"/>
    <w:tmpl w:val="4EB4AC3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0" w15:restartNumberingAfterBreak="0">
    <w:nsid w:val="7A0974E7"/>
    <w:multiLevelType w:val="multilevel"/>
    <w:tmpl w:val="442A82C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>
    <w:abstractNumId w:val="9"/>
  </w:num>
  <w:num w:numId="2">
    <w:abstractNumId w:val="3"/>
  </w:num>
  <w:num w:numId="3">
    <w:abstractNumId w:val="0"/>
  </w:num>
  <w:num w:numId="4">
    <w:abstractNumId w:val="7"/>
  </w:num>
  <w:num w:numId="5">
    <w:abstractNumId w:val="5"/>
  </w:num>
  <w:num w:numId="6">
    <w:abstractNumId w:val="6"/>
  </w:num>
  <w:num w:numId="7">
    <w:abstractNumId w:val="2"/>
  </w:num>
  <w:num w:numId="8">
    <w:abstractNumId w:val="4"/>
  </w:num>
  <w:num w:numId="9">
    <w:abstractNumId w:val="10"/>
  </w:num>
  <w:num w:numId="10">
    <w:abstractNumId w:val="1"/>
  </w:num>
  <w:num w:numId="11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08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D31DB"/>
    <w:rsid w:val="00185BB5"/>
    <w:rsid w:val="00550F4E"/>
    <w:rsid w:val="007D31DB"/>
    <w:rsid w:val="00BA6D5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C04821A"/>
  <w15:chartTrackingRefBased/>
  <w15:docId w15:val="{28E4362A-0DC3-440C-88F4-F8F39C28507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BA6D5E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4">
    <w:name w:val="Верхний колонтитул Знак"/>
    <w:basedOn w:val="a0"/>
    <w:link w:val="a3"/>
    <w:uiPriority w:val="99"/>
    <w:rsid w:val="00BA6D5E"/>
  </w:style>
  <w:style w:type="paragraph" w:styleId="a5">
    <w:name w:val="footer"/>
    <w:basedOn w:val="a"/>
    <w:link w:val="a6"/>
    <w:uiPriority w:val="99"/>
    <w:unhideWhenUsed/>
    <w:rsid w:val="00BA6D5E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6">
    <w:name w:val="Нижний колонтитул Знак"/>
    <w:basedOn w:val="a0"/>
    <w:link w:val="a5"/>
    <w:uiPriority w:val="99"/>
    <w:rsid w:val="00BA6D5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390495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065378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82492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7446449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069246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4174108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551649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9276168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18432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740077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463969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4955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3651643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84794083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5935634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267782304">
                      <w:marLeft w:val="75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  <w:div w:id="2754092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79933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41407711">
                  <w:marLeft w:val="0"/>
                  <w:marRight w:val="0"/>
                  <w:marTop w:val="0"/>
                  <w:marBottom w:val="0"/>
                  <w:divBdr>
                    <w:top w:val="single" w:sz="6" w:space="0" w:color="EBD6A0"/>
                    <w:left w:val="none" w:sz="0" w:space="0" w:color="auto"/>
                    <w:bottom w:val="single" w:sz="6" w:space="0" w:color="EBD6A0"/>
                    <w:right w:val="none" w:sz="0" w:space="0" w:color="auto"/>
                  </w:divBdr>
                </w:div>
                <w:div w:id="1879274165">
                  <w:marLeft w:val="0"/>
                  <w:marRight w:val="0"/>
                  <w:marTop w:val="0"/>
                  <w:marBottom w:val="15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70610795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55380918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28416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192418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554043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216768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79012613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0270860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810168856">
                      <w:marLeft w:val="75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  <w:div w:id="16411144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090920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43375048">
                  <w:marLeft w:val="0"/>
                  <w:marRight w:val="0"/>
                  <w:marTop w:val="0"/>
                  <w:marBottom w:val="0"/>
                  <w:divBdr>
                    <w:top w:val="single" w:sz="6" w:space="0" w:color="EBD6A0"/>
                    <w:left w:val="none" w:sz="0" w:space="0" w:color="auto"/>
                    <w:bottom w:val="single" w:sz="6" w:space="0" w:color="EBD6A0"/>
                    <w:right w:val="none" w:sz="0" w:space="0" w:color="auto"/>
                  </w:divBdr>
                </w:div>
                <w:div w:id="1421632733">
                  <w:marLeft w:val="0"/>
                  <w:marRight w:val="0"/>
                  <w:marTop w:val="0"/>
                  <w:marBottom w:val="15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27591425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83384233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7708422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92429072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  <w:div w:id="58138085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69530761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  <w:div w:id="189774093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79027600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  <w:div w:id="89636199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intuit.ru/studies/courses/10471/1078/literature" TargetMode="External"/><Relationship Id="rId13" Type="http://schemas.openxmlformats.org/officeDocument/2006/relationships/hyperlink" Target="https://www.intuit.ru/studies/courses/10471/1078/lecture/16576?page=1" TargetMode="External"/><Relationship Id="rId18" Type="http://schemas.openxmlformats.org/officeDocument/2006/relationships/hyperlink" Target="https://www.intuit.ru/studies/courses/10471/1078/lecture/16576?page=1" TargetMode="External"/><Relationship Id="rId26" Type="http://schemas.openxmlformats.org/officeDocument/2006/relationships/image" Target="media/image5.jpeg"/><Relationship Id="rId3" Type="http://schemas.openxmlformats.org/officeDocument/2006/relationships/settings" Target="settings.xml"/><Relationship Id="rId21" Type="http://schemas.openxmlformats.org/officeDocument/2006/relationships/hyperlink" Target="https://www.intuit.ru/studies/courses/10471/1078/lecture/16576?page=1" TargetMode="External"/><Relationship Id="rId7" Type="http://schemas.openxmlformats.org/officeDocument/2006/relationships/hyperlink" Target="https://www.intuit.ru/studies/courses/10471/1078/literature" TargetMode="External"/><Relationship Id="rId12" Type="http://schemas.openxmlformats.org/officeDocument/2006/relationships/hyperlink" Target="https://www.intuit.ru/studies/courses/10471/1078/literature" TargetMode="External"/><Relationship Id="rId17" Type="http://schemas.openxmlformats.org/officeDocument/2006/relationships/hyperlink" Target="https://www.intuit.ru/studies/courses/10471/1078/literature" TargetMode="External"/><Relationship Id="rId25" Type="http://schemas.openxmlformats.org/officeDocument/2006/relationships/hyperlink" Target="https://www.intuit.ru/studies/courses/10471/1078/lecture/16576?page=2" TargetMode="External"/><Relationship Id="rId33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image" Target="media/image2.jpeg"/><Relationship Id="rId20" Type="http://schemas.openxmlformats.org/officeDocument/2006/relationships/hyperlink" Target="https://www.intuit.ru/studies/courses/10471/1078/lecture/16576?page=1" TargetMode="External"/><Relationship Id="rId29" Type="http://schemas.openxmlformats.org/officeDocument/2006/relationships/hyperlink" Target="https://www.intuit.ru/studies/courses/10471/1078/lecture/16576?page=2" TargetMode="Externa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s://www.intuit.ru/studies/courses/10471/1078/literature" TargetMode="External"/><Relationship Id="rId24" Type="http://schemas.openxmlformats.org/officeDocument/2006/relationships/hyperlink" Target="https://www.intuit.ru/studies/courses/10471/1078/literature" TargetMode="External"/><Relationship Id="rId32" Type="http://schemas.openxmlformats.org/officeDocument/2006/relationships/fontTable" Target="fontTable.xml"/><Relationship Id="rId5" Type="http://schemas.openxmlformats.org/officeDocument/2006/relationships/footnotes" Target="footnotes.xml"/><Relationship Id="rId15" Type="http://schemas.openxmlformats.org/officeDocument/2006/relationships/hyperlink" Target="https://www.intuit.ru/studies/courses/10471/1078/lecture/16576?page=1" TargetMode="External"/><Relationship Id="rId23" Type="http://schemas.openxmlformats.org/officeDocument/2006/relationships/image" Target="media/image4.jpeg"/><Relationship Id="rId28" Type="http://schemas.openxmlformats.org/officeDocument/2006/relationships/image" Target="media/image6.jpeg"/><Relationship Id="rId10" Type="http://schemas.openxmlformats.org/officeDocument/2006/relationships/hyperlink" Target="https://www.intuit.ru/studies/courses/10471/1078/literature" TargetMode="External"/><Relationship Id="rId19" Type="http://schemas.openxmlformats.org/officeDocument/2006/relationships/image" Target="media/image3.jpeg"/><Relationship Id="rId31" Type="http://schemas.openxmlformats.org/officeDocument/2006/relationships/header" Target="header1.xml"/><Relationship Id="rId4" Type="http://schemas.openxmlformats.org/officeDocument/2006/relationships/webSettings" Target="webSettings.xml"/><Relationship Id="rId9" Type="http://schemas.openxmlformats.org/officeDocument/2006/relationships/hyperlink" Target="https://www.intuit.ru/studies/courses/10471/1078/literature" TargetMode="External"/><Relationship Id="rId14" Type="http://schemas.openxmlformats.org/officeDocument/2006/relationships/image" Target="media/image1.jpeg"/><Relationship Id="rId22" Type="http://schemas.openxmlformats.org/officeDocument/2006/relationships/hyperlink" Target="https://www.intuit.ru/studies/courses/10471/1078/lecture/16576?page=2" TargetMode="External"/><Relationship Id="rId27" Type="http://schemas.openxmlformats.org/officeDocument/2006/relationships/hyperlink" Target="https://www.intuit.ru/studies/courses/10471/1078/lecture/16576?page=2" TargetMode="External"/><Relationship Id="rId30" Type="http://schemas.openxmlformats.org/officeDocument/2006/relationships/image" Target="media/image7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12</Pages>
  <Words>4065</Words>
  <Characters>23177</Characters>
  <Application>Microsoft Office Word</Application>
  <DocSecurity>0</DocSecurity>
  <Lines>193</Lines>
  <Paragraphs>54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71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AI</dc:creator>
  <cp:keywords/>
  <dc:description/>
  <cp:lastModifiedBy>GAI</cp:lastModifiedBy>
  <cp:revision>2</cp:revision>
  <dcterms:created xsi:type="dcterms:W3CDTF">2019-11-24T20:28:00Z</dcterms:created>
  <dcterms:modified xsi:type="dcterms:W3CDTF">2019-11-24T20:33:00Z</dcterms:modified>
</cp:coreProperties>
</file>